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mc:Ignorable="x15 xr xr6 xr10">
  <fileVersion appName="xl" lastEdited="7" lowestEdited="7" rupBuild="24827"/>
  <workbookPr defaultThemeVersion="124226"/>
  <mc:AlternateContent xmlns:mc="http://schemas.openxmlformats.org/markup-compatibility/2006">
    <mc:Choice Requires="x15">
      <x15ac:absPath xmlns:x15ac="http://schemas.microsoft.com/office/spreadsheetml/2010/11/ac" url="C:\Users\readi\Box\s28\"/>
    </mc:Choice>
  </mc:AlternateContent>
  <xr:revisionPtr revIDLastSave="0" documentId="8_{E7301C70-FB3A-4CE4-BBCE-1B0144748458}" xr6:coauthVersionLast="47" xr6:coauthVersionMax="47" xr10:uidLastSave="{00000000-0000-0000-0000-000000000000}"/>
  <bookViews>
    <workbookView xWindow="-19320" yWindow="690" windowWidth="19440" windowHeight="14880"/>
  </bookViews>
  <sheets>
    <sheet name="YBY Coach REC" sheetId="4" r:id="rId1"/>
  </sheets>
  <calcPr calcId="191029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</xcalcf:calcFeatures>
    </ext>
  </extLst>
</workbook>
</file>

<file path=xl/sharedStrings.xml><?xml version="1.0" encoding="utf-8"?>
<sst xmlns="http://schemas.openxmlformats.org/spreadsheetml/2006/main" count="221" uniqueCount="117">
  <si>
    <t>COACH</t>
  </si>
  <si>
    <t>TEAM</t>
  </si>
  <si>
    <t>ARIZONA</t>
  </si>
  <si>
    <t>ATLANTA</t>
  </si>
  <si>
    <t>BUFFALO</t>
  </si>
  <si>
    <t>CHICAGO</t>
  </si>
  <si>
    <t>CINCINNATI</t>
  </si>
  <si>
    <t>DALLAS</t>
  </si>
  <si>
    <t>DETROIT</t>
  </si>
  <si>
    <t>GREEN BAY</t>
  </si>
  <si>
    <t>KANSAS CITY</t>
  </si>
  <si>
    <t>NEW YORK GIANTS</t>
  </si>
  <si>
    <t>PHILADELPHIA</t>
  </si>
  <si>
    <t>PITTSBURGH</t>
  </si>
  <si>
    <t>SAN FRANCISCO</t>
  </si>
  <si>
    <t>TENNESSEE</t>
  </si>
  <si>
    <t>JEFF BEVIER</t>
  </si>
  <si>
    <t>RON MARTIN</t>
  </si>
  <si>
    <t>10-6* (1-1)</t>
  </si>
  <si>
    <t>8-8</t>
  </si>
  <si>
    <t>7-9</t>
  </si>
  <si>
    <t>5-11</t>
  </si>
  <si>
    <t>4-12</t>
  </si>
  <si>
    <t>12-4* (1-1)</t>
  </si>
  <si>
    <t>11-5* (1-1)</t>
  </si>
  <si>
    <t>6-10</t>
  </si>
  <si>
    <t>3-13</t>
  </si>
  <si>
    <t>2-14</t>
  </si>
  <si>
    <t>11-5* (0-1)</t>
  </si>
  <si>
    <t>9-7* (1-1)</t>
  </si>
  <si>
    <t>JOE GOLDEN</t>
  </si>
  <si>
    <t>MIAMI</t>
  </si>
  <si>
    <t>2016</t>
  </si>
  <si>
    <t>2017</t>
  </si>
  <si>
    <t>2018</t>
  </si>
  <si>
    <t>2019</t>
  </si>
  <si>
    <t>2020</t>
  </si>
  <si>
    <t>BALTIMORE</t>
  </si>
  <si>
    <t>CAROLINA</t>
  </si>
  <si>
    <t>MIKE ROSES</t>
  </si>
  <si>
    <t>JOE HAMRAHI</t>
  </si>
  <si>
    <t>DAVE GABBARD</t>
  </si>
  <si>
    <t>DAN THORHAUER</t>
  </si>
  <si>
    <t>JASON OWENS</t>
  </si>
  <si>
    <t>ZEB STRONG</t>
  </si>
  <si>
    <t>TONY PIERSKALLA</t>
  </si>
  <si>
    <t>CURT RETZLAFF</t>
  </si>
  <si>
    <t>MICK BAUCHAN</t>
  </si>
  <si>
    <t>BUTCH SHRAMEK</t>
  </si>
  <si>
    <t>JODY BOWERS</t>
  </si>
  <si>
    <t xml:space="preserve">INDIANAPOLIS  </t>
  </si>
  <si>
    <t>RYAN PACE</t>
  </si>
  <si>
    <t>JACKSONVILLE</t>
  </si>
  <si>
    <t>DALE VAN DEVEN</t>
  </si>
  <si>
    <t>NATHAN BAYLOR</t>
  </si>
  <si>
    <t>LOS ANGELES RAMS</t>
  </si>
  <si>
    <t>DAN MORIN</t>
  </si>
  <si>
    <t xml:space="preserve">MINNESOTA </t>
  </si>
  <si>
    <t>BRADLY</t>
  </si>
  <si>
    <t>NEW ENGLAND</t>
  </si>
  <si>
    <t>JOE DALY</t>
  </si>
  <si>
    <t>PAUL MANKIEWICZ</t>
  </si>
  <si>
    <t>LAWRENCE GREEN</t>
  </si>
  <si>
    <t>DENNIS C./TOM C.</t>
  </si>
  <si>
    <t>SEATTLE</t>
  </si>
  <si>
    <t>MICHAEL REEVES</t>
  </si>
  <si>
    <t>TYKE / NICK</t>
  </si>
  <si>
    <t>CHUCK</t>
  </si>
  <si>
    <t>WASHINGTON</t>
  </si>
  <si>
    <t>14-2* (3-0, Won Super Bowl 34-27)</t>
  </si>
  <si>
    <t>12-3-1* (1-1)</t>
  </si>
  <si>
    <t>12-3-1* (0-1)</t>
  </si>
  <si>
    <t>9-7*(0-1)</t>
  </si>
  <si>
    <t>13-3* (2-1, Lost Super Bowl 34-27)</t>
  </si>
  <si>
    <t>BRIAN FULLEM</t>
  </si>
  <si>
    <t>(5-11)</t>
  </si>
  <si>
    <t>AARON ONDERDONK</t>
  </si>
  <si>
    <t>10-6* (2-1)</t>
  </si>
  <si>
    <t>9-7* (0-1)</t>
  </si>
  <si>
    <t>11-5* (3-1, Lost Super Bowl, 31-28, OT)</t>
  </si>
  <si>
    <t>9-7* (2-1)</t>
  </si>
  <si>
    <t>10-6* (0-1)</t>
  </si>
  <si>
    <t>15-1* (3-0, Won Super Bowl, 31-28, OT)</t>
  </si>
  <si>
    <t>12-4* (0-1)</t>
  </si>
  <si>
    <t>14-2* (0-1)</t>
  </si>
  <si>
    <t>ED CARPENTER</t>
  </si>
  <si>
    <t>CLEVELAND</t>
  </si>
  <si>
    <t>JOHN MADDEN</t>
  </si>
  <si>
    <t>HOUSTON</t>
  </si>
  <si>
    <t>1-14-1</t>
  </si>
  <si>
    <t>13-3* (3-0, Won Super Bowl 16-13)</t>
  </si>
  <si>
    <t>9-6-1* (0-1)</t>
  </si>
  <si>
    <t>11-5* (3-1, Lost Super Bowl 16-13)</t>
  </si>
  <si>
    <t>14-2* (1-1)</t>
  </si>
  <si>
    <t>13-3* (0-1)</t>
  </si>
  <si>
    <t>3-9 (Mike Nemo took over for Q4)</t>
  </si>
  <si>
    <t>MIKE NIEMCZURA</t>
  </si>
  <si>
    <t>1-3  (Mike Nemo took over for Q4)</t>
  </si>
  <si>
    <t>LOS ANGELES CHARGERS</t>
  </si>
  <si>
    <t>12-4* (4-0, Won Super Bowl, 31-17)</t>
  </si>
  <si>
    <t>12-4* (2-1)</t>
  </si>
  <si>
    <t>13-3* (2-1, Lost Super Bowl 31-17)</t>
  </si>
  <si>
    <t>TOM VELTRY</t>
  </si>
  <si>
    <t>NEW YORK JETS</t>
  </si>
  <si>
    <t>BRIAN HOLMBERG</t>
  </si>
  <si>
    <t>MIKE VAN DREASON</t>
  </si>
  <si>
    <t>NEW ORLEANS</t>
  </si>
  <si>
    <t xml:space="preserve">Former </t>
  </si>
  <si>
    <t>Coaches:</t>
  </si>
  <si>
    <t>15-1* (2-1, Lost Super Bowl, 19-10)</t>
  </si>
  <si>
    <t>0-16</t>
  </si>
  <si>
    <t>DENVER (DALLAS)</t>
  </si>
  <si>
    <t>TAMPA BAY (DENVER)</t>
  </si>
  <si>
    <t xml:space="preserve">TIM BOLLIER </t>
  </si>
  <si>
    <t>LAS VEGAS (OAKLAND)</t>
  </si>
  <si>
    <t>13-3* (3-0, Won Super Bowl, 19-10)</t>
  </si>
  <si>
    <t>CLEVELAND (TAMPA BAY)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4" x14ac:knownFonts="1">
    <font>
      <sz val="10"/>
      <name val="Arial"/>
    </font>
    <font>
      <b/>
      <sz val="14"/>
      <name val="Times New Roman"/>
      <family val="1"/>
    </font>
    <font>
      <b/>
      <sz val="24"/>
      <name val="Times New Roman"/>
      <family val="1"/>
    </font>
    <font>
      <b/>
      <sz val="14"/>
      <color rgb="FF000000"/>
      <name val="Times New Roman"/>
      <family val="1"/>
    </font>
  </fonts>
  <fills count="4">
    <fill>
      <patternFill patternType="none"/>
    </fill>
    <fill>
      <patternFill patternType="gray125"/>
    </fill>
    <fill>
      <patternFill patternType="solid">
        <fgColor rgb="FFFFFF00"/>
        <bgColor indexed="64"/>
      </patternFill>
    </fill>
    <fill>
      <patternFill patternType="solid">
        <fgColor theme="9" tint="0.79998168889431442"/>
        <bgColor indexed="64"/>
      </patternFill>
    </fill>
  </fills>
  <borders count="1">
    <border>
      <left/>
      <right/>
      <top/>
      <bottom/>
      <diagonal/>
    </border>
  </borders>
  <cellStyleXfs count="1">
    <xf numFmtId="0" fontId="0" fillId="0" borderId="0"/>
  </cellStyleXfs>
  <cellXfs count="9">
    <xf numFmtId="0" fontId="0" fillId="0" borderId="0" xfId="0"/>
    <xf numFmtId="49" fontId="1" fillId="0" borderId="0" xfId="0" applyNumberFormat="1" applyFont="1" applyAlignment="1">
      <alignment horizontal="center" vertical="top" wrapText="1"/>
    </xf>
    <xf numFmtId="49" fontId="3" fillId="0" borderId="0" xfId="0" applyNumberFormat="1" applyFont="1" applyAlignment="1">
      <alignment horizontal="center" vertical="top" wrapText="1"/>
    </xf>
    <xf numFmtId="49" fontId="1" fillId="0" borderId="0" xfId="0" applyNumberFormat="1" applyFont="1" applyAlignment="1">
      <alignment horizontal="left" vertical="top" wrapText="1"/>
    </xf>
    <xf numFmtId="49" fontId="3" fillId="0" borderId="0" xfId="0" applyNumberFormat="1" applyFont="1" applyAlignment="1">
      <alignment horizontal="left" vertical="top" wrapText="1"/>
    </xf>
    <xf numFmtId="49" fontId="1" fillId="2" borderId="0" xfId="0" applyNumberFormat="1" applyFont="1" applyFill="1" applyAlignment="1">
      <alignment horizontal="center" vertical="top" wrapText="1"/>
    </xf>
    <xf numFmtId="49" fontId="1" fillId="3" borderId="0" xfId="0" applyNumberFormat="1" applyFont="1" applyFill="1" applyAlignment="1">
      <alignment horizontal="center" vertical="top" wrapText="1"/>
    </xf>
    <xf numFmtId="49" fontId="2" fillId="0" borderId="0" xfId="0" applyNumberFormat="1" applyFont="1" applyAlignment="1">
      <alignment horizontal="left" vertical="top" wrapText="1"/>
    </xf>
    <xf numFmtId="49" fontId="2" fillId="0" borderId="0" xfId="0" applyNumberFormat="1" applyFont="1" applyAlignment="1">
      <alignment horizontal="right" vertical="top" wrapText="1"/>
    </xf>
  </cellXfs>
  <cellStyles count="1">
    <cellStyle name="Normal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P39"/>
  <sheetViews>
    <sheetView tabSelected="1" zoomScale="80" zoomScaleNormal="80" workbookViewId="0">
      <pane xSplit="2" ySplit="2" topLeftCell="C24" activePane="bottomRight" state="frozen"/>
      <selection pane="topRight" activeCell="C1" sqref="C1"/>
      <selection pane="bottomLeft" activeCell="A3" sqref="A3"/>
      <selection pane="bottomRight" activeCell="C11" sqref="C11"/>
    </sheetView>
  </sheetViews>
  <sheetFormatPr defaultColWidth="8.85546875" defaultRowHeight="18.75" x14ac:dyDescent="0.2"/>
  <cols>
    <col min="1" max="1" width="29" style="3" customWidth="1"/>
    <col min="2" max="2" width="20.42578125" style="3" customWidth="1"/>
    <col min="3" max="3" width="18.28515625" style="1" customWidth="1"/>
    <col min="4" max="4" width="16.140625" style="1" customWidth="1"/>
    <col min="5" max="5" width="16.28515625" style="1" customWidth="1"/>
    <col min="6" max="6" width="19.42578125" style="1" customWidth="1"/>
    <col min="7" max="7" width="15.140625" style="1" customWidth="1"/>
    <col min="8" max="8" width="15.7109375" style="1" customWidth="1"/>
    <col min="9" max="9" width="16" style="1" customWidth="1"/>
    <col min="10" max="10" width="16.140625" style="1" customWidth="1"/>
    <col min="11" max="12" width="15.28515625" style="1" customWidth="1"/>
    <col min="13" max="13" width="15.140625" style="1" customWidth="1"/>
    <col min="14" max="14" width="15.28515625" style="1" customWidth="1"/>
    <col min="15" max="16" width="13.85546875" style="1" customWidth="1"/>
    <col min="17" max="16384" width="8.85546875" style="1"/>
  </cols>
  <sheetData>
    <row r="1" spans="1:16" x14ac:dyDescent="0.2">
      <c r="A1" s="3" t="s">
        <v>0</v>
      </c>
      <c r="B1" s="3" t="s">
        <v>1</v>
      </c>
      <c r="C1" s="2" t="s">
        <v>32</v>
      </c>
      <c r="D1" s="2" t="s">
        <v>33</v>
      </c>
      <c r="E1" s="2" t="s">
        <v>34</v>
      </c>
      <c r="F1" s="2" t="s">
        <v>35</v>
      </c>
      <c r="G1" s="2" t="s">
        <v>36</v>
      </c>
      <c r="H1" s="2"/>
      <c r="I1" s="2"/>
      <c r="J1" s="2"/>
      <c r="K1" s="2"/>
      <c r="L1" s="2"/>
      <c r="M1" s="2"/>
      <c r="N1" s="2"/>
      <c r="O1" s="2"/>
      <c r="P1" s="2"/>
    </row>
    <row r="3" spans="1:16" x14ac:dyDescent="0.2">
      <c r="A3" s="4" t="s">
        <v>42</v>
      </c>
      <c r="B3" s="4" t="s">
        <v>2</v>
      </c>
      <c r="C3" s="1" t="s">
        <v>20</v>
      </c>
      <c r="D3" s="1" t="s">
        <v>22</v>
      </c>
      <c r="E3" s="1" t="s">
        <v>89</v>
      </c>
      <c r="F3" s="1" t="s">
        <v>81</v>
      </c>
      <c r="G3" s="1" t="s">
        <v>21</v>
      </c>
    </row>
    <row r="4" spans="1:16" x14ac:dyDescent="0.2">
      <c r="A4" s="4" t="s">
        <v>43</v>
      </c>
      <c r="B4" s="4" t="s">
        <v>3</v>
      </c>
      <c r="C4" s="1" t="s">
        <v>25</v>
      </c>
      <c r="D4" s="1" t="s">
        <v>19</v>
      </c>
      <c r="E4" s="1" t="s">
        <v>20</v>
      </c>
      <c r="F4" s="1" t="s">
        <v>21</v>
      </c>
      <c r="G4" s="1" t="s">
        <v>25</v>
      </c>
    </row>
    <row r="5" spans="1:16" ht="75" x14ac:dyDescent="0.2">
      <c r="A5" s="4" t="s">
        <v>44</v>
      </c>
      <c r="B5" s="4" t="s">
        <v>37</v>
      </c>
      <c r="C5" s="1" t="s">
        <v>27</v>
      </c>
      <c r="D5" s="1" t="s">
        <v>19</v>
      </c>
      <c r="E5" s="5" t="s">
        <v>90</v>
      </c>
      <c r="F5" s="1" t="s">
        <v>94</v>
      </c>
      <c r="G5" s="6" t="s">
        <v>109</v>
      </c>
    </row>
    <row r="6" spans="1:16" x14ac:dyDescent="0.2">
      <c r="A6" s="4" t="s">
        <v>74</v>
      </c>
      <c r="B6" s="4" t="s">
        <v>4</v>
      </c>
      <c r="C6" s="1" t="s">
        <v>75</v>
      </c>
      <c r="D6" s="1" t="s">
        <v>77</v>
      </c>
      <c r="E6" s="1" t="s">
        <v>19</v>
      </c>
      <c r="F6" s="1" t="s">
        <v>21</v>
      </c>
      <c r="G6" s="1" t="s">
        <v>83</v>
      </c>
    </row>
    <row r="7" spans="1:16" x14ac:dyDescent="0.2">
      <c r="A7" s="4" t="s">
        <v>39</v>
      </c>
      <c r="B7" s="4" t="s">
        <v>5</v>
      </c>
      <c r="C7" s="1" t="s">
        <v>29</v>
      </c>
      <c r="D7" s="2" t="s">
        <v>78</v>
      </c>
      <c r="E7" s="1" t="s">
        <v>25</v>
      </c>
      <c r="F7" s="1" t="s">
        <v>20</v>
      </c>
      <c r="G7" s="1" t="s">
        <v>22</v>
      </c>
    </row>
    <row r="8" spans="1:16" ht="19.5" customHeight="1" x14ac:dyDescent="0.2">
      <c r="A8" s="4" t="s">
        <v>41</v>
      </c>
      <c r="B8" s="4" t="s">
        <v>6</v>
      </c>
      <c r="C8" s="1" t="s">
        <v>22</v>
      </c>
      <c r="D8" s="1" t="s">
        <v>28</v>
      </c>
      <c r="E8" s="1" t="s">
        <v>77</v>
      </c>
      <c r="F8" s="1" t="s">
        <v>25</v>
      </c>
      <c r="G8" s="1" t="s">
        <v>110</v>
      </c>
    </row>
    <row r="9" spans="1:16" ht="37.5" x14ac:dyDescent="0.2">
      <c r="A9" s="3" t="s">
        <v>65</v>
      </c>
      <c r="B9" s="3" t="s">
        <v>116</v>
      </c>
      <c r="C9" s="1" t="s">
        <v>24</v>
      </c>
      <c r="D9" s="1" t="s">
        <v>21</v>
      </c>
      <c r="E9" s="1" t="s">
        <v>78</v>
      </c>
      <c r="F9" s="1" t="s">
        <v>21</v>
      </c>
      <c r="G9" s="1" t="s">
        <v>25</v>
      </c>
    </row>
    <row r="10" spans="1:16" ht="30" customHeight="1" x14ac:dyDescent="0.2">
      <c r="A10" s="3" t="s">
        <v>113</v>
      </c>
      <c r="B10" s="3" t="s">
        <v>7</v>
      </c>
      <c r="G10" s="1" t="s">
        <v>81</v>
      </c>
    </row>
    <row r="11" spans="1:16" ht="54.75" customHeight="1" x14ac:dyDescent="0.2">
      <c r="A11" s="4" t="s">
        <v>96</v>
      </c>
      <c r="B11" s="4" t="s">
        <v>111</v>
      </c>
      <c r="F11" s="1" t="s">
        <v>97</v>
      </c>
      <c r="G11" s="1" t="s">
        <v>18</v>
      </c>
    </row>
    <row r="12" spans="1:16" x14ac:dyDescent="0.2">
      <c r="A12" s="4" t="s">
        <v>47</v>
      </c>
      <c r="B12" s="3" t="s">
        <v>8</v>
      </c>
      <c r="C12" s="1" t="s">
        <v>28</v>
      </c>
      <c r="D12" s="1" t="s">
        <v>80</v>
      </c>
      <c r="E12" s="1" t="s">
        <v>19</v>
      </c>
      <c r="F12" s="1" t="s">
        <v>22</v>
      </c>
      <c r="G12" s="1" t="s">
        <v>20</v>
      </c>
    </row>
    <row r="13" spans="1:16" x14ac:dyDescent="0.2">
      <c r="A13" s="4" t="s">
        <v>48</v>
      </c>
      <c r="B13" s="4" t="s">
        <v>9</v>
      </c>
      <c r="C13" s="1" t="s">
        <v>24</v>
      </c>
      <c r="D13" s="1" t="s">
        <v>81</v>
      </c>
      <c r="E13" s="1" t="s">
        <v>19</v>
      </c>
      <c r="F13" s="1" t="s">
        <v>21</v>
      </c>
      <c r="G13" s="1" t="s">
        <v>25</v>
      </c>
    </row>
    <row r="14" spans="1:16" x14ac:dyDescent="0.2">
      <c r="A14" s="4" t="s">
        <v>87</v>
      </c>
      <c r="B14" s="4" t="s">
        <v>88</v>
      </c>
      <c r="E14" s="1" t="s">
        <v>25</v>
      </c>
      <c r="F14" s="1" t="s">
        <v>20</v>
      </c>
      <c r="G14" s="1" t="s">
        <v>81</v>
      </c>
    </row>
    <row r="15" spans="1:16" x14ac:dyDescent="0.2">
      <c r="A15" s="4" t="s">
        <v>49</v>
      </c>
      <c r="B15" s="4" t="s">
        <v>50</v>
      </c>
      <c r="C15" s="1" t="s">
        <v>21</v>
      </c>
      <c r="D15" s="1" t="s">
        <v>22</v>
      </c>
      <c r="E15" s="1" t="s">
        <v>26</v>
      </c>
      <c r="F15" s="1" t="s">
        <v>22</v>
      </c>
      <c r="G15" s="1" t="s">
        <v>110</v>
      </c>
    </row>
    <row r="16" spans="1:16" x14ac:dyDescent="0.2">
      <c r="A16" s="4" t="s">
        <v>51</v>
      </c>
      <c r="B16" s="4" t="s">
        <v>52</v>
      </c>
      <c r="C16" s="1" t="s">
        <v>20</v>
      </c>
      <c r="D16" s="1" t="s">
        <v>22</v>
      </c>
      <c r="E16" s="1" t="s">
        <v>22</v>
      </c>
      <c r="F16" s="1" t="s">
        <v>21</v>
      </c>
      <c r="G16" s="1" t="s">
        <v>21</v>
      </c>
    </row>
    <row r="17" spans="1:7" x14ac:dyDescent="0.2">
      <c r="A17" s="4" t="s">
        <v>53</v>
      </c>
      <c r="B17" s="4" t="s">
        <v>10</v>
      </c>
      <c r="C17" s="1" t="s">
        <v>18</v>
      </c>
      <c r="D17" s="1" t="s">
        <v>80</v>
      </c>
      <c r="E17" s="1" t="s">
        <v>20</v>
      </c>
      <c r="F17" s="1" t="s">
        <v>28</v>
      </c>
      <c r="G17" s="1" t="s">
        <v>78</v>
      </c>
    </row>
    <row r="18" spans="1:7" ht="37.5" x14ac:dyDescent="0.2">
      <c r="A18" s="3" t="s">
        <v>76</v>
      </c>
      <c r="B18" s="4" t="s">
        <v>114</v>
      </c>
      <c r="C18" s="1" t="s">
        <v>26</v>
      </c>
      <c r="D18" s="1" t="s">
        <v>22</v>
      </c>
      <c r="E18" s="1" t="s">
        <v>83</v>
      </c>
      <c r="F18" s="1" t="s">
        <v>27</v>
      </c>
      <c r="G18" s="1" t="s">
        <v>20</v>
      </c>
    </row>
    <row r="19" spans="1:7" ht="56.25" x14ac:dyDescent="0.2">
      <c r="A19" s="4" t="s">
        <v>61</v>
      </c>
      <c r="B19" s="4" t="s">
        <v>98</v>
      </c>
      <c r="C19" s="6" t="s">
        <v>73</v>
      </c>
      <c r="D19" s="1" t="s">
        <v>27</v>
      </c>
      <c r="E19" s="1" t="s">
        <v>25</v>
      </c>
      <c r="F19" s="1" t="s">
        <v>21</v>
      </c>
      <c r="G19" s="1" t="s">
        <v>19</v>
      </c>
    </row>
    <row r="20" spans="1:7" ht="75" x14ac:dyDescent="0.2">
      <c r="A20" s="4" t="s">
        <v>54</v>
      </c>
      <c r="B20" s="4" t="s">
        <v>55</v>
      </c>
      <c r="C20" s="1" t="s">
        <v>70</v>
      </c>
      <c r="D20" s="5" t="s">
        <v>82</v>
      </c>
      <c r="E20" s="1" t="s">
        <v>83</v>
      </c>
      <c r="F20" s="5" t="s">
        <v>99</v>
      </c>
      <c r="G20" s="1" t="s">
        <v>100</v>
      </c>
    </row>
    <row r="21" spans="1:7" x14ac:dyDescent="0.2">
      <c r="A21" s="4" t="s">
        <v>104</v>
      </c>
      <c r="B21" s="4" t="s">
        <v>59</v>
      </c>
      <c r="F21" s="1" t="s">
        <v>23</v>
      </c>
      <c r="G21" s="1" t="s">
        <v>78</v>
      </c>
    </row>
    <row r="22" spans="1:7" ht="37.5" x14ac:dyDescent="0.2">
      <c r="A22" s="4" t="s">
        <v>105</v>
      </c>
      <c r="B22" s="4" t="s">
        <v>106</v>
      </c>
      <c r="F22" s="1" t="s">
        <v>26</v>
      </c>
      <c r="G22" s="1" t="s">
        <v>26</v>
      </c>
    </row>
    <row r="23" spans="1:7" x14ac:dyDescent="0.2">
      <c r="A23" s="4" t="s">
        <v>30</v>
      </c>
      <c r="B23" s="4" t="s">
        <v>11</v>
      </c>
      <c r="C23" s="1" t="s">
        <v>22</v>
      </c>
      <c r="D23" s="1" t="s">
        <v>18</v>
      </c>
      <c r="E23" s="1" t="s">
        <v>18</v>
      </c>
      <c r="F23" s="1" t="s">
        <v>100</v>
      </c>
      <c r="G23" s="1" t="s">
        <v>29</v>
      </c>
    </row>
    <row r="24" spans="1:7" x14ac:dyDescent="0.2">
      <c r="A24" s="4" t="s">
        <v>102</v>
      </c>
      <c r="B24" s="4" t="s">
        <v>103</v>
      </c>
      <c r="F24" s="1" t="s">
        <v>84</v>
      </c>
      <c r="G24" s="1" t="s">
        <v>23</v>
      </c>
    </row>
    <row r="25" spans="1:7" ht="37.5" x14ac:dyDescent="0.2">
      <c r="A25" s="4" t="s">
        <v>60</v>
      </c>
      <c r="B25" s="4" t="s">
        <v>12</v>
      </c>
      <c r="C25" s="1" t="s">
        <v>26</v>
      </c>
      <c r="D25" s="1" t="s">
        <v>22</v>
      </c>
      <c r="E25" s="1" t="s">
        <v>20</v>
      </c>
      <c r="F25" s="1" t="s">
        <v>20</v>
      </c>
      <c r="G25" s="1" t="s">
        <v>20</v>
      </c>
    </row>
    <row r="26" spans="1:7" ht="56.25" x14ac:dyDescent="0.2">
      <c r="A26" s="4" t="s">
        <v>17</v>
      </c>
      <c r="B26" s="4" t="s">
        <v>13</v>
      </c>
      <c r="C26" s="1" t="s">
        <v>19</v>
      </c>
      <c r="D26" s="1" t="s">
        <v>20</v>
      </c>
      <c r="E26" s="6" t="s">
        <v>92</v>
      </c>
      <c r="F26" s="6" t="s">
        <v>101</v>
      </c>
      <c r="G26" s="1" t="s">
        <v>100</v>
      </c>
    </row>
    <row r="27" spans="1:7" ht="37.5" x14ac:dyDescent="0.2">
      <c r="A27" s="4" t="s">
        <v>62</v>
      </c>
      <c r="B27" s="4" t="s">
        <v>14</v>
      </c>
      <c r="C27" s="1" t="s">
        <v>24</v>
      </c>
      <c r="D27" s="1" t="s">
        <v>83</v>
      </c>
      <c r="G27" s="1" t="s">
        <v>20</v>
      </c>
    </row>
    <row r="28" spans="1:7" ht="75" x14ac:dyDescent="0.2">
      <c r="A28" s="3" t="s">
        <v>63</v>
      </c>
      <c r="B28" s="3" t="s">
        <v>64</v>
      </c>
      <c r="C28" s="1" t="s">
        <v>71</v>
      </c>
      <c r="D28" s="1" t="s">
        <v>84</v>
      </c>
      <c r="E28" s="1" t="s">
        <v>93</v>
      </c>
      <c r="F28" s="1" t="s">
        <v>23</v>
      </c>
      <c r="G28" s="5" t="s">
        <v>115</v>
      </c>
    </row>
    <row r="29" spans="1:7" ht="37.5" customHeight="1" x14ac:dyDescent="0.2">
      <c r="A29" s="4" t="s">
        <v>46</v>
      </c>
      <c r="B29" s="4" t="s">
        <v>112</v>
      </c>
      <c r="C29" s="1" t="s">
        <v>28</v>
      </c>
      <c r="D29" s="6" t="s">
        <v>79</v>
      </c>
      <c r="E29" s="1" t="s">
        <v>91</v>
      </c>
      <c r="F29" s="1" t="s">
        <v>19</v>
      </c>
      <c r="G29" s="1" t="s">
        <v>81</v>
      </c>
    </row>
    <row r="30" spans="1:7" x14ac:dyDescent="0.2">
      <c r="A30" s="3" t="s">
        <v>66</v>
      </c>
      <c r="B30" s="3" t="s">
        <v>15</v>
      </c>
      <c r="C30" s="1" t="s">
        <v>72</v>
      </c>
      <c r="D30" s="1" t="s">
        <v>78</v>
      </c>
      <c r="E30" s="1" t="s">
        <v>19</v>
      </c>
      <c r="F30" s="1" t="s">
        <v>93</v>
      </c>
      <c r="G30" s="1" t="s">
        <v>18</v>
      </c>
    </row>
    <row r="32" spans="1:7" ht="30" x14ac:dyDescent="0.2">
      <c r="A32" s="8" t="s">
        <v>107</v>
      </c>
      <c r="B32" s="7" t="s">
        <v>108</v>
      </c>
    </row>
    <row r="33" spans="1:6" ht="19.5" customHeight="1" x14ac:dyDescent="0.2">
      <c r="A33" s="4" t="s">
        <v>85</v>
      </c>
      <c r="B33" s="4" t="s">
        <v>86</v>
      </c>
      <c r="E33" s="1" t="s">
        <v>78</v>
      </c>
      <c r="F33" s="1" t="s">
        <v>19</v>
      </c>
    </row>
    <row r="34" spans="1:6" x14ac:dyDescent="0.2">
      <c r="A34" s="4" t="s">
        <v>45</v>
      </c>
      <c r="B34" s="4" t="s">
        <v>38</v>
      </c>
      <c r="C34" s="1" t="s">
        <v>25</v>
      </c>
      <c r="D34" s="1" t="s">
        <v>78</v>
      </c>
    </row>
    <row r="35" spans="1:6" ht="56.25" x14ac:dyDescent="0.2">
      <c r="A35" s="4" t="s">
        <v>40</v>
      </c>
      <c r="B35" s="4" t="s">
        <v>7</v>
      </c>
      <c r="C35" s="5" t="s">
        <v>69</v>
      </c>
      <c r="D35" s="1" t="s">
        <v>22</v>
      </c>
      <c r="E35" s="1" t="s">
        <v>22</v>
      </c>
      <c r="F35" s="1" t="s">
        <v>95</v>
      </c>
    </row>
    <row r="36" spans="1:6" ht="19.5" customHeight="1" x14ac:dyDescent="0.2">
      <c r="A36" s="4" t="s">
        <v>56</v>
      </c>
      <c r="B36" s="4" t="s">
        <v>31</v>
      </c>
      <c r="C36" s="1" t="s">
        <v>19</v>
      </c>
      <c r="D36" s="1" t="s">
        <v>20</v>
      </c>
      <c r="E36" s="1" t="s">
        <v>18</v>
      </c>
    </row>
    <row r="37" spans="1:6" x14ac:dyDescent="0.2">
      <c r="A37" s="4" t="s">
        <v>58</v>
      </c>
      <c r="B37" s="4" t="s">
        <v>59</v>
      </c>
      <c r="C37" s="1" t="s">
        <v>23</v>
      </c>
      <c r="D37" s="1" t="s">
        <v>78</v>
      </c>
      <c r="E37" s="1" t="s">
        <v>19</v>
      </c>
      <c r="F37" s="1" t="s">
        <v>23</v>
      </c>
    </row>
    <row r="38" spans="1:6" x14ac:dyDescent="0.2">
      <c r="A38" s="3" t="s">
        <v>67</v>
      </c>
      <c r="B38" s="3" t="s">
        <v>68</v>
      </c>
      <c r="C38" s="1" t="s">
        <v>20</v>
      </c>
      <c r="D38" s="1" t="s">
        <v>19</v>
      </c>
      <c r="E38" s="1" t="s">
        <v>26</v>
      </c>
    </row>
    <row r="39" spans="1:6" x14ac:dyDescent="0.2">
      <c r="A39" s="3" t="s">
        <v>16</v>
      </c>
      <c r="B39" s="4" t="s">
        <v>57</v>
      </c>
      <c r="C39" s="1" t="s">
        <v>27</v>
      </c>
      <c r="D39" s="1" t="s">
        <v>19</v>
      </c>
      <c r="E39" s="1" t="s">
        <v>81</v>
      </c>
      <c r="F39" s="1" t="s">
        <v>91</v>
      </c>
    </row>
  </sheetData>
  <sortState xmlns:xlrd2="http://schemas.microsoft.com/office/spreadsheetml/2017/richdata2" ref="A3:G30">
    <sortCondition ref="B3:B30"/>
  </sortState>
  <pageMargins left="0.7" right="0.7" top="0.75" bottom="0.75" header="0.3" footer="0.3"/>
  <pageSetup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1</vt:i4>
      </vt:variant>
    </vt:vector>
  </HeadingPairs>
  <TitlesOfParts>
    <vt:vector size="1" baseType="lpstr">
      <vt:lpstr>YBY Coach REC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Ed</dc:creator>
  <cp:lastModifiedBy>Dennis C</cp:lastModifiedBy>
  <dcterms:created xsi:type="dcterms:W3CDTF">2005-03-29T04:30:29Z</dcterms:created>
  <dcterms:modified xsi:type="dcterms:W3CDTF">2022-02-05T19:02:18Z</dcterms:modified>
</cp:coreProperties>
</file>